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41A12029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proofErr w:type="spellStart"/>
      <w:r w:rsidR="00704854">
        <w:rPr>
          <w:rFonts w:ascii="Arial" w:hAnsi="Arial" w:cs="Arial"/>
          <w:sz w:val="40"/>
          <w:szCs w:val="40"/>
        </w:rPr>
        <w:t>Samtank</w:t>
      </w:r>
      <w:proofErr w:type="spellEnd"/>
      <w:r w:rsidR="00704854">
        <w:rPr>
          <w:rFonts w:ascii="Arial" w:hAnsi="Arial" w:cs="Arial"/>
          <w:sz w:val="40"/>
          <w:szCs w:val="40"/>
        </w:rPr>
        <w:t xml:space="preserve"> A/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704854">
        <w:rPr>
          <w:rFonts w:ascii="Arial" w:hAnsi="Arial" w:cs="Arial"/>
          <w:sz w:val="40"/>
          <w:szCs w:val="40"/>
        </w:rPr>
        <w:t>Rørdalsvej 27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704854">
        <w:rPr>
          <w:rFonts w:ascii="Arial" w:hAnsi="Arial" w:cs="Arial"/>
          <w:sz w:val="40"/>
          <w:szCs w:val="40"/>
        </w:rPr>
        <w:t>922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704854">
        <w:rPr>
          <w:rFonts w:ascii="Arial" w:hAnsi="Arial" w:cs="Arial"/>
          <w:sz w:val="40"/>
          <w:szCs w:val="40"/>
        </w:rPr>
        <w:t>Aalborg Øst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5D5B8D80" w:rsidR="00EC6E6D" w:rsidRPr="00245E8B" w:rsidRDefault="00704854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15.12.2016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243A857D" w:rsidR="00EC6E6D" w:rsidRPr="00245E8B" w:rsidRDefault="00704854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1AB877DE" w:rsidR="00EC6E6D" w:rsidRPr="00245E8B" w:rsidRDefault="00704854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12445040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741FDF47" w:rsidR="00EC6E6D" w:rsidRPr="00245E8B" w:rsidRDefault="00704854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17831557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1C5041B7" w:rsidR="00EC6E6D" w:rsidRPr="00F94A99" w:rsidRDefault="00704854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C2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Oplag af mineralolieprodukter &gt;2.500 tons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77777777" w:rsidR="004D6D3B" w:rsidRPr="00B93A39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</w:p>
        </w:tc>
        <w:tc>
          <w:tcPr>
            <w:tcW w:w="1134" w:type="dxa"/>
          </w:tcPr>
          <w:p w14:paraId="240C7CBB" w14:textId="77777777" w:rsidR="004D6D3B" w:rsidRPr="00B93A39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End w:id="17"/>
          </w:p>
        </w:tc>
        <w:tc>
          <w:tcPr>
            <w:tcW w:w="1417" w:type="dxa"/>
          </w:tcPr>
          <w:p w14:paraId="0E19DDC4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115D54CA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" w:name="ind_enforce_comments"/>
            <w:bookmarkEnd w:id="18"/>
          </w:p>
        </w:tc>
      </w:tr>
      <w:tr w:rsidR="004D6D3B" w:rsidRPr="00F94A99" w14:paraId="465F4E07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1054F08E" w14:textId="77777777" w:rsidR="004D6D3B" w:rsidRPr="00CE67CB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59D2359" w14:textId="77777777" w:rsidR="004D6D3B" w:rsidRPr="00CE67CB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1861C3CF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79A191B2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581C62D7" w14:textId="77777777"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descr_process"/>
            <w:bookmarkEnd w:id="19"/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product_area"/>
            <w:bookmarkEnd w:id="20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employee_prod"/>
            <w:bookmarkEnd w:id="21"/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operating_time"/>
            <w:bookmarkEnd w:id="22"/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operating_time_sat"/>
            <w:bookmarkEnd w:id="23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operating_time_sun"/>
            <w:bookmarkEnd w:id="24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env_control_code_env_control_name"/>
            <w:bookmarkEnd w:id="25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6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26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7E616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air_emis_source_source_idX2"/>
            <w:bookmarkEnd w:id="27"/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106B66A4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34D5A3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79C4355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" w:name="ind_air_emis_source_source_id"/>
            <w:bookmarkEnd w:id="28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77777777" w:rsidR="00EC6E6D" w:rsidRPr="005D2D5F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9" w:name="ind_energy_types_energy_type_name"/>
            <w:bookmarkEnd w:id="29"/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4DF5D7A1" w:rsidR="00EC6E6D" w:rsidRPr="005D2D5F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" w:name="ind_control_items_control_item_name"/>
            <w:bookmarkEnd w:id="30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AA8D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control_items_control_item_name_2"/>
            <w:bookmarkEnd w:id="31"/>
          </w:p>
        </w:tc>
      </w:tr>
      <w:tr w:rsidR="00704854" w:rsidRPr="005D2D5F" w14:paraId="40A14468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A7DCA6" w14:textId="05CA1371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" w:name="ind_control_items_control_item_name_3"/>
            <w:bookmarkEnd w:id="32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10E8F55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" w:name="ind_control_items_control_item_name_4"/>
            <w:bookmarkEnd w:id="33"/>
            <w:r>
              <w:rPr>
                <w:rFonts w:ascii="Arial" w:hAnsi="Arial" w:cs="Arial"/>
                <w:sz w:val="20"/>
                <w:szCs w:val="20"/>
              </w:rPr>
              <w:t>Benzintanke (Tank 1 og 2):</w:t>
            </w:r>
          </w:p>
          <w:p w14:paraId="2A713F6A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Benzintanke er tilsluttet dampgenvindingsanlægget på Tunnelvej 4. Dampen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ranssportere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i nedgravede rør i kajarealet. I perioder uden produktflytninger transporteres dampene ved det naturlige overtryk i tankene. Ved import fra skib anvendes en blæser placeret i tankgården ved tank 2, der presser dampene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dampgenvindingsanlæg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på Tunnelvej 4. Blæseren aktiveres manuelt og styres via 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ressosta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351E6F17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Tankene er monteret med tryk-/vakuum ventiler, der aktiveres ved et givent over-/undertryk. Ventilerne er en vigti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ikkerhedsbarri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, da tankene er følsomme for trykforskelle - især undertryk. Ved normal drift bør ventilerne ikke aktiveres. Forholdet reguleres i vilkår 15 i MGK 25-02-2000.</w:t>
            </w:r>
          </w:p>
          <w:p w14:paraId="5870BAB9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1912B13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Gasolietank (Tank 12):</w:t>
            </w:r>
          </w:p>
          <w:p w14:paraId="6DC884F3" w14:textId="6EBF21F2" w:rsidR="00704854" w:rsidRPr="005D2D5F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Tanken er frit ventileret og der vil ske diffus emission af gasoliedampe fra udluftningsstuds på taget. Indretningen følger den nuværende standard for branchen og emissionen er ikke reguleret i miljøgodkendelsen. Miljø vil løbende følge udviklingen og foretage en regulering, hvis det på sigt bliver BAT at indføre foranstaltninger der reducerer emissionen.</w:t>
            </w:r>
          </w:p>
        </w:tc>
      </w:tr>
      <w:tr w:rsidR="00704854" w:rsidRPr="005D2D5F" w14:paraId="749CA821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B236B40" w14:textId="38EAECA1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control_items_control_item_name_5"/>
            <w:bookmarkEnd w:id="34"/>
            <w:r>
              <w:rPr>
                <w:rFonts w:ascii="Arial" w:hAnsi="Arial" w:cs="Arial"/>
                <w:sz w:val="20"/>
                <w:szCs w:val="20"/>
              </w:rPr>
              <w:lastRenderedPageBreak/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8D66991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control_items_control_item_name_6"/>
            <w:bookmarkEnd w:id="35"/>
          </w:p>
        </w:tc>
      </w:tr>
      <w:tr w:rsidR="00704854" w:rsidRPr="005D2D5F" w14:paraId="79E3F109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03585A4" w14:textId="38A2F0F6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control_items_control_item_name_7"/>
            <w:bookmarkEnd w:id="36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054A251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" w:name="ind_control_items_control_item_name_8"/>
            <w:bookmarkEnd w:id="37"/>
          </w:p>
        </w:tc>
      </w:tr>
      <w:tr w:rsidR="00704854" w:rsidRPr="005D2D5F" w14:paraId="6B379D4B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278A3F" w14:textId="4F9A32AB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control_items_control_item_name_9"/>
            <w:bookmarkEnd w:id="38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22B70E7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" w:name="ind_control_items_control_item_name_10"/>
            <w:bookmarkEnd w:id="39"/>
            <w:r>
              <w:rPr>
                <w:rFonts w:ascii="Arial" w:hAnsi="Arial" w:cs="Arial"/>
                <w:sz w:val="20"/>
                <w:szCs w:val="20"/>
              </w:rPr>
              <w:t>MGK 25-02-2000:</w:t>
            </w:r>
          </w:p>
          <w:p w14:paraId="2CEE4E60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3E0739B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kår 18 - 25: Vilkårene regulerer virksomhedens lugtimmission i omgivelserne. Ved normal drift kan emissionen fra tankene af gasoliedampe samt i sjældne tilfælde benzindampe ved aktivering af trykvakuumventiler.</w:t>
            </w:r>
          </w:p>
          <w:p w14:paraId="3C2A0B1E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ed rengøring af tanke udluftes tankene ved fjernelse af mandedækslet for at gøre tanken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gasfri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 Emissionen er højere end normalt i dette tilfælde og benzindampene opsamles ikke og behandles i dampgenvindingsanlægget. Der kan derfor opstå lugtgener under ugunstige vejrforhold.</w:t>
            </w:r>
          </w:p>
          <w:p w14:paraId="6EEF3E58" w14:textId="33F95BDC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blev ikke konstateret væsentlige lugtgener på anlægget i forbindelse med tilsynet.</w:t>
            </w:r>
          </w:p>
        </w:tc>
      </w:tr>
      <w:tr w:rsidR="00704854" w:rsidRPr="005D2D5F" w14:paraId="47368A08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8C3D573" w14:textId="125A42C1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control_items_control_item_name_11"/>
            <w:bookmarkEnd w:id="40"/>
            <w:r>
              <w:rPr>
                <w:rFonts w:ascii="Arial" w:hAnsi="Arial" w:cs="Arial"/>
                <w:sz w:val="20"/>
                <w:szCs w:val="20"/>
              </w:rPr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217B4A5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control_items_control_item_name_12"/>
            <w:bookmarkEnd w:id="41"/>
            <w:r>
              <w:rPr>
                <w:rFonts w:ascii="Arial" w:hAnsi="Arial" w:cs="Arial"/>
                <w:sz w:val="20"/>
                <w:szCs w:val="20"/>
              </w:rPr>
              <w:t>MGK 25-02-2000:</w:t>
            </w:r>
          </w:p>
          <w:p w14:paraId="6DE3F13A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5BE04EA9" w14:textId="5CAA27B8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kår 6 - 17: Vilkårene regulerer primært afkastluften fra dampgenvindingsanlægget på Tunnelvej 4 og der henvises til miljøtilsynet på denne adresse.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42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42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ABC8A5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3" w:name="ind_noise_noise_id"/>
            <w:bookmarkEnd w:id="43"/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E13DF9C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06C29C2F" w:rsidR="00EC6E6D" w:rsidRPr="005D2D5F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control_items_control_item_nameX2"/>
            <w:bookmarkEnd w:id="44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E9CFE0F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control_items_control_item_nameX2_2"/>
            <w:bookmarkEnd w:id="45"/>
          </w:p>
        </w:tc>
      </w:tr>
      <w:tr w:rsidR="00704854" w:rsidRPr="005D2D5F" w14:paraId="7516FE4A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D9AB641" w14:textId="0E2661CF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control_items_control_item_nameX2_3"/>
            <w:bookmarkEnd w:id="46"/>
            <w:r>
              <w:rPr>
                <w:rFonts w:ascii="Arial" w:hAnsi="Arial" w:cs="Arial"/>
                <w:sz w:val="20"/>
                <w:szCs w:val="20"/>
              </w:rPr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34EE795" w14:textId="77777777" w:rsidR="00704854" w:rsidRPr="005D2D5F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X2_4"/>
            <w:bookmarkEnd w:id="47"/>
          </w:p>
        </w:tc>
      </w:tr>
      <w:tr w:rsidR="00704854" w:rsidRPr="005D2D5F" w14:paraId="39294400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1CCDBD" w14:textId="7F22865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X2_5"/>
            <w:bookmarkEnd w:id="48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30D880E" w14:textId="77777777" w:rsidR="00704854" w:rsidRPr="005D2D5F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X2_6"/>
            <w:bookmarkEnd w:id="49"/>
          </w:p>
        </w:tc>
      </w:tr>
      <w:tr w:rsidR="00704854" w:rsidRPr="005D2D5F" w14:paraId="41EE79D7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62DABA9" w14:textId="74C50A3D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X2_7"/>
            <w:bookmarkEnd w:id="50"/>
            <w:r>
              <w:rPr>
                <w:rFonts w:ascii="Arial" w:hAnsi="Arial" w:cs="Arial"/>
                <w:sz w:val="20"/>
                <w:szCs w:val="20"/>
              </w:rPr>
              <w:t>Støj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74FDE38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X2_8"/>
            <w:bookmarkEnd w:id="51"/>
            <w:r>
              <w:rPr>
                <w:rFonts w:ascii="Arial" w:hAnsi="Arial" w:cs="Arial"/>
                <w:sz w:val="20"/>
                <w:szCs w:val="20"/>
              </w:rPr>
              <w:t>Vilkår 5 (MGK 02-12-2000):</w:t>
            </w:r>
          </w:p>
          <w:p w14:paraId="4B853B55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godkendelsens vilkår 5 fastsætter grænseværdier for virksomhedens bidrag - målt udendørs - til det ækvivalente korrigerede støjniveau i dB(A) i de omkringliggende områder. Der er ikke fastsat adfærdsregulerende vilkår i form af begrænsning af driftstider etc.</w:t>
            </w:r>
          </w:p>
          <w:p w14:paraId="6DBCABAF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524AD1E8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Miljø: Under tilsynet, konstateredes ikke aktiviteter, der gav anledning til at vurdere, at virksomheden ikke kan overholde grænseværdierne i vilkår 175 for virksomhedens bidrag - målt udendørs - til det ækvivalente korrigerede støjniveau i dB(A) i de omkringliggende områder.</w:t>
            </w:r>
          </w:p>
          <w:p w14:paraId="543EDD0C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0CF6F00F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rksomheden oplyste, at der ikke er sket ændringer, som vil kunne forøge virksomhedens støjemission sammenlignet med forholdende, som lå til grund for meddelelse af miljøgodkendelse. </w:t>
            </w:r>
          </w:p>
          <w:p w14:paraId="32C824DA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211F1ED4" w14:textId="372DE10D" w:rsidR="00704854" w:rsidRPr="005D2D5F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er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endvidere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ikke modtaget henvendelser eller klager over støjbelastningen fra virksomheden, som kunne give anledning til særlig fokus på dette område under tilsynet.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lastRenderedPageBreak/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2" w:name="ind_w_water_amount_permission_id"/>
            <w:bookmarkEnd w:id="52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761F75ED" w:rsidR="00EC6E6D" w:rsidRPr="005D2D5F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X3"/>
            <w:bookmarkEnd w:id="53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7921269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X3_2"/>
            <w:bookmarkEnd w:id="54"/>
          </w:p>
        </w:tc>
      </w:tr>
      <w:tr w:rsidR="00704854" w:rsidRPr="005D2D5F" w14:paraId="58D15592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9D9564B" w14:textId="71CCA2C5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control_items_control_item_nameX3_3"/>
            <w:bookmarkEnd w:id="55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BD1BA1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control_items_control_item_nameX3_4"/>
            <w:bookmarkEnd w:id="56"/>
            <w:r>
              <w:rPr>
                <w:rFonts w:ascii="Arial" w:hAnsi="Arial" w:cs="Arial"/>
                <w:sz w:val="20"/>
                <w:szCs w:val="20"/>
              </w:rPr>
              <w:t xml:space="preserve">Der afledes ikke processpildevand til kloak fr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amtank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ktiviteter.</w:t>
            </w:r>
          </w:p>
          <w:p w14:paraId="1E11521F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1D022BB" w14:textId="19882C1B" w:rsidR="00704854" w:rsidRPr="005D2D5F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ed tankrensninger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vandafdræn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f tanke opstår olieholdigt vand, der afhentes med slamsuger og håndteres som farligt affald.</w:t>
            </w:r>
          </w:p>
        </w:tc>
      </w:tr>
      <w:tr w:rsidR="00704854" w:rsidRPr="005D2D5F" w14:paraId="6D4B9548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B03BAA3" w14:textId="07AAD003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7" w:name="ind_control_items_control_item_nameX3_5"/>
            <w:bookmarkEnd w:id="57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9F62E2A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control_items_control_item_nameX3_6"/>
            <w:bookmarkEnd w:id="58"/>
            <w:r>
              <w:rPr>
                <w:rFonts w:ascii="Arial" w:hAnsi="Arial" w:cs="Arial"/>
                <w:sz w:val="20"/>
                <w:szCs w:val="20"/>
              </w:rPr>
              <w:t xml:space="preserve">Der afledes overfladevand fra de tætte tankgårde ved tank 1 og 2. Tømning af tankgård iværksættes manuelt ved hjælp af en dykpumpe som placeres i sump i tankgårdene, hvorefter det pumpes over tankgårdsmuren og til overfladevandskloak i transportvejen, der adskiller klasse I og klasse II tankgårdene. Herfra løber vande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urens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il Limfjorden. Forholdet forventes reguleret i den kommende miljøgodkendelse af anlægget der udstedes så snart risikodokumentationen er accepteret af myndighederne.</w:t>
            </w:r>
          </w:p>
          <w:p w14:paraId="236BB311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91BDF1F" w14:textId="1469B334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ankgården ved tank 12 er stadig ubefæstet og overfladevand fra tanktag mv. nedsives i jorden.</w:t>
            </w:r>
          </w:p>
        </w:tc>
      </w:tr>
      <w:tr w:rsidR="00704854" w:rsidRPr="005D2D5F" w14:paraId="331E6427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875846F" w14:textId="2FF5008A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9" w:name="ind_control_items_control_item_nameX3_7"/>
            <w:bookmarkEnd w:id="59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F66502C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0" w:name="ind_control_items_control_item_nameX3_8"/>
            <w:bookmarkEnd w:id="60"/>
          </w:p>
        </w:tc>
      </w:tr>
      <w:tr w:rsidR="00704854" w:rsidRPr="005D2D5F" w14:paraId="25D1C88F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D8B0AD6" w14:textId="7C07DD0E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1" w:name="ind_control_items_control_item_nameX3_9"/>
            <w:bookmarkEnd w:id="61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A2B9A77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2" w:name="ind_control_items_control_item_nameX3_10"/>
            <w:bookmarkEnd w:id="62"/>
          </w:p>
        </w:tc>
      </w:tr>
      <w:tr w:rsidR="00704854" w:rsidRPr="005D2D5F" w14:paraId="163BF468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8A267DA" w14:textId="151BEC5C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3" w:name="ind_control_items_control_item_nameX3_11"/>
            <w:bookmarkEnd w:id="63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977065C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4" w:name="ind_control_items_control_item_nameX3_12"/>
            <w:bookmarkEnd w:id="64"/>
          </w:p>
        </w:tc>
      </w:tr>
      <w:tr w:rsidR="00704854" w:rsidRPr="005D2D5F" w14:paraId="78CA5A1E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EE6AB89" w14:textId="05F0220B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5" w:name="ind_control_items_control_item_nameX3_13"/>
            <w:bookmarkEnd w:id="65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24F5706" w14:textId="77777777" w:rsidR="00704854" w:rsidRDefault="0070485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66" w:name="_Toc54669306"/>
      <w:r w:rsidRPr="005D2D5F">
        <w:rPr>
          <w:rFonts w:ascii="Arial" w:hAnsi="Arial" w:cs="Arial"/>
          <w:sz w:val="28"/>
          <w:szCs w:val="28"/>
        </w:rPr>
        <w:lastRenderedPageBreak/>
        <w:t>Olie- og benzinudskillere</w:t>
      </w:r>
      <w:bookmarkEnd w:id="66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7" w:name="ind_w_water_amount_idX2"/>
            <w:bookmarkEnd w:id="67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6856BE42" w:rsidR="00EC6E6D" w:rsidRPr="00B93A39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8" w:name="ind_control_items_control_item_nameX4"/>
            <w:bookmarkEnd w:id="68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49EB977" w14:textId="62CDE801" w:rsidR="00EC6E6D" w:rsidRPr="00B93A39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9" w:name="ind_control_items_control_item_nameX4_2"/>
            <w:bookmarkEnd w:id="69"/>
            <w:proofErr w:type="spellStart"/>
            <w:r>
              <w:rPr>
                <w:rFonts w:ascii="Arial" w:hAnsi="Arial" w:cs="Arial"/>
                <w:sz w:val="20"/>
                <w:szCs w:val="20"/>
              </w:rPr>
              <w:t>Samtank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ktiviteter afleder ikke spildevand til udskilleranlæggene på Rørdalsvej 27.</w:t>
            </w:r>
          </w:p>
        </w:tc>
      </w:tr>
      <w:tr w:rsidR="00704854" w:rsidRPr="00F94A99" w14:paraId="33A5F574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F6BA89E" w14:textId="00C64201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0" w:name="ind_control_items_control_item_nameX4_3"/>
            <w:bookmarkEnd w:id="70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0309A8E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control_items_control_item_nameX4_4"/>
            <w:bookmarkEnd w:id="71"/>
          </w:p>
        </w:tc>
      </w:tr>
      <w:tr w:rsidR="00704854" w:rsidRPr="00F94A99" w14:paraId="321D8961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D8A8D8E" w14:textId="322C2621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2" w:name="ind_control_items_control_item_nameX4_5"/>
            <w:bookmarkEnd w:id="72"/>
            <w:r>
              <w:rPr>
                <w:rFonts w:ascii="Arial" w:hAnsi="Arial" w:cs="Arial"/>
                <w:sz w:val="20"/>
                <w:szCs w:val="20"/>
              </w:rPr>
              <w:t>Udskiller, funktionsafprøvning af 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7653E8D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control_items_control_item_nameX4_6"/>
            <w:bookmarkEnd w:id="73"/>
          </w:p>
        </w:tc>
      </w:tr>
      <w:tr w:rsidR="00704854" w:rsidRPr="00F94A99" w14:paraId="34E6B3C5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3157EB7" w14:textId="118B61D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" w:name="ind_control_items_control_item_nameX4_7"/>
            <w:bookmarkEnd w:id="74"/>
            <w:r>
              <w:rPr>
                <w:rFonts w:ascii="Arial" w:hAnsi="Arial" w:cs="Arial"/>
                <w:sz w:val="20"/>
                <w:szCs w:val="20"/>
              </w:rPr>
              <w:t>Udskillere, vilkår i 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AAB3396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75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75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6" w:name="ind_tank_ind_tank_id"/>
            <w:bookmarkEnd w:id="76"/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B37E61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</w:tcPr>
          <w:p w14:paraId="3A81F9A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</w:tcPr>
          <w:p w14:paraId="2752A56D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</w:tcPr>
          <w:p w14:paraId="28A11DD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8019EE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13DDE239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7" w:name="bbr_tech_inst_land_parcel_id"/>
            <w:bookmarkEnd w:id="77"/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423C58EF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202C9374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69219FAE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49F7CE8C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42BB9FC2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32ECB995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7536AB7D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4D5DDBF6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9B744" w14:textId="2B351D58" w:rsidR="00EC6E6D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8" w:name="ind_control_items_control_item_nameX5"/>
            <w:bookmarkEnd w:id="78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4705F44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9" w:name="ind_control_items_control_item_nameX5_2"/>
            <w:bookmarkEnd w:id="79"/>
            <w:proofErr w:type="spellStart"/>
            <w:r>
              <w:rPr>
                <w:rFonts w:ascii="Arial" w:hAnsi="Arial" w:cs="Arial"/>
                <w:sz w:val="20"/>
                <w:szCs w:val="20"/>
              </w:rPr>
              <w:t>Samtank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har lejet og driver 3 tanke på adressen Rørdalsvej 27. Tank 1 og 2 anvendes til oplag af benzin og har et volumen på henholdsvis 5480 og 5950 m3.</w:t>
            </w:r>
          </w:p>
          <w:p w14:paraId="5EC8780E" w14:textId="36037019" w:rsidR="00EC6E6D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ank 12 har et volumen på 3800 m3 og anvendes til oplag af gasolie</w:t>
            </w:r>
          </w:p>
        </w:tc>
      </w:tr>
      <w:tr w:rsidR="00704854" w:rsidRPr="00245E8B" w14:paraId="55155C75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3D77A1" w14:textId="2F88CE32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0" w:name="ind_control_items_control_item_nameX5_3"/>
            <w:bookmarkEnd w:id="80"/>
            <w:r>
              <w:rPr>
                <w:rFonts w:ascii="Arial" w:hAnsi="Arial" w:cs="Arial"/>
                <w:sz w:val="20"/>
                <w:szCs w:val="20"/>
              </w:rPr>
              <w:t>Olietanke, opstilling/plac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9232A29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control_items_control_item_nameX5_4"/>
            <w:bookmarkEnd w:id="81"/>
          </w:p>
        </w:tc>
      </w:tr>
      <w:tr w:rsidR="00704854" w:rsidRPr="00245E8B" w14:paraId="5D94D666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0FD62EA" w14:textId="31F20250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2" w:name="ind_control_items_control_item_nameX5_5"/>
            <w:bookmarkEnd w:id="82"/>
            <w:r>
              <w:rPr>
                <w:rFonts w:ascii="Arial" w:hAnsi="Arial" w:cs="Arial"/>
                <w:sz w:val="20"/>
                <w:szCs w:val="20"/>
              </w:rPr>
              <w:t xml:space="preserve">Olietanke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/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afb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sløjf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3C87DF5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3" w:name="ind_control_items_control_item_nameX5_6"/>
            <w:bookmarkEnd w:id="83"/>
          </w:p>
        </w:tc>
      </w:tr>
      <w:tr w:rsidR="00704854" w:rsidRPr="00245E8B" w14:paraId="5E3FFC48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F4C4282" w14:textId="57BE4BCB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4" w:name="ind_control_items_control_item_nameX5_7"/>
            <w:bookmarkEnd w:id="84"/>
            <w:r>
              <w:rPr>
                <w:rFonts w:ascii="Arial" w:hAnsi="Arial" w:cs="Arial"/>
                <w:sz w:val="20"/>
                <w:szCs w:val="20"/>
              </w:rPr>
              <w:t>Olietanke, tankattest/tankski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BA0433B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5" w:name="ind_control_items_control_item_nameX5_8"/>
            <w:bookmarkEnd w:id="85"/>
          </w:p>
        </w:tc>
      </w:tr>
      <w:tr w:rsidR="00704854" w:rsidRPr="00245E8B" w14:paraId="0E329E86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D289ECE" w14:textId="46F82131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control_items_control_item_nameX5_9"/>
            <w:bookmarkEnd w:id="86"/>
            <w:r>
              <w:rPr>
                <w:rFonts w:ascii="Arial" w:hAnsi="Arial" w:cs="Arial"/>
                <w:sz w:val="20"/>
                <w:szCs w:val="20"/>
              </w:rPr>
              <w:t>Olietanke, sløjfningstermi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A6134C7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7" w:name="ind_control_items_control_item_nameX5_10"/>
            <w:bookmarkEnd w:id="87"/>
          </w:p>
        </w:tc>
      </w:tr>
      <w:tr w:rsidR="00704854" w:rsidRPr="00245E8B" w14:paraId="6D1BB917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D7B2F4D" w14:textId="5B989952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8" w:name="ind_control_items_control_item_nameX5_11"/>
            <w:bookmarkEnd w:id="88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9D28A99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9" w:name="ind_control_items_control_item_nameX5_12"/>
            <w:bookmarkEnd w:id="89"/>
          </w:p>
        </w:tc>
      </w:tr>
      <w:tr w:rsidR="00704854" w:rsidRPr="00245E8B" w14:paraId="41AC2768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D901CC2" w14:textId="0470A4AA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0" w:name="ind_control_items_control_item_nameX5_13"/>
            <w:bookmarkEnd w:id="90"/>
            <w:r>
              <w:rPr>
                <w:rFonts w:ascii="Arial" w:hAnsi="Arial" w:cs="Arial"/>
                <w:sz w:val="20"/>
                <w:szCs w:val="20"/>
              </w:rPr>
              <w:t>Olietanke, overjordiske, overløbs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CAC1B9E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control_items_control_item_nameX5_14"/>
            <w:bookmarkEnd w:id="91"/>
          </w:p>
        </w:tc>
      </w:tr>
      <w:tr w:rsidR="00704854" w:rsidRPr="00245E8B" w14:paraId="76074D8E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42B73F5" w14:textId="113736AD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2" w:name="ind_control_items_control_item_nameX5_15"/>
            <w:bookmarkEnd w:id="92"/>
            <w:r>
              <w:rPr>
                <w:rFonts w:ascii="Arial" w:hAnsi="Arial" w:cs="Arial"/>
                <w:sz w:val="20"/>
                <w:szCs w:val="20"/>
              </w:rPr>
              <w:lastRenderedPageBreak/>
              <w:t xml:space="preserve">Olietanke, belægninger v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åfyldningspl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20C1ED3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3" w:name="ind_control_items_control_item_nameX5_16"/>
            <w:bookmarkEnd w:id="93"/>
          </w:p>
        </w:tc>
      </w:tr>
      <w:tr w:rsidR="00704854" w:rsidRPr="00245E8B" w14:paraId="0675FFA6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81F042B" w14:textId="77DD271E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4" w:name="ind_control_items_control_item_nameX5_17"/>
            <w:bookmarkEnd w:id="94"/>
            <w:r>
              <w:rPr>
                <w:rFonts w:ascii="Arial" w:hAnsi="Arial" w:cs="Arial"/>
                <w:sz w:val="20"/>
                <w:szCs w:val="20"/>
              </w:rPr>
              <w:t>Olietanke, belægninger ved salgs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8EFE6CC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control_items_control_item_nameX5_18"/>
            <w:bookmarkEnd w:id="95"/>
          </w:p>
        </w:tc>
      </w:tr>
      <w:tr w:rsidR="00704854" w:rsidRPr="00245E8B" w14:paraId="2368A6CF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D8F313" w14:textId="00D42925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6" w:name="ind_control_items_control_item_nameX5_19"/>
            <w:bookmarkEnd w:id="96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æthedsp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p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EF1F59E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7" w:name="ind_control_items_control_item_nameX5_20"/>
            <w:bookmarkEnd w:id="97"/>
          </w:p>
        </w:tc>
      </w:tr>
      <w:tr w:rsidR="00704854" w:rsidRPr="00245E8B" w14:paraId="4CF8B166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93FADB8" w14:textId="7BBA7549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8" w:name="ind_control_items_control_item_nameX5_21"/>
            <w:bookmarkEnd w:id="98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beh.regnskab</w:t>
            </w:r>
            <w:proofErr w:type="spellEnd"/>
            <w:proofErr w:type="gram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AF826E3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9" w:name="ind_control_items_control_item_nameX5_22"/>
            <w:bookmarkEnd w:id="99"/>
          </w:p>
        </w:tc>
      </w:tr>
      <w:tr w:rsidR="00704854" w:rsidRPr="00245E8B" w14:paraId="692329AD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B77A16A" w14:textId="0502BF79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0" w:name="ind_control_items_control_item_nameX5_23"/>
            <w:bookmarkEnd w:id="100"/>
            <w:r>
              <w:rPr>
                <w:rFonts w:ascii="Arial" w:hAnsi="Arial" w:cs="Arial"/>
                <w:sz w:val="20"/>
                <w:szCs w:val="20"/>
              </w:rPr>
              <w:t>Olietanke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E1ECB92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1" w:name="ind_control_items_control_item_nameX5_24"/>
            <w:bookmarkEnd w:id="101"/>
            <w:r>
              <w:rPr>
                <w:rFonts w:ascii="Arial" w:hAnsi="Arial" w:cs="Arial"/>
                <w:sz w:val="20"/>
                <w:szCs w:val="20"/>
              </w:rPr>
              <w:t xml:space="preserve">Vilkår 30: Virksomheden skal som minimum hvert 2. år trykprøve alle jorddækkede rør til produkttransport. Der skal foreligge dokumentation herfor, som på forlangende skal forevises Erhvervsafdelingen.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Såfremt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der konstateres utætheder, skal Erhvervsafdelingen straks underrettes herom.</w:t>
            </w:r>
          </w:p>
          <w:p w14:paraId="01FF263F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0653A64A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 nærmere regler for udførelse af trykprøvningen skal aftales med tilsynsmyndigheden.</w:t>
            </w:r>
          </w:p>
          <w:p w14:paraId="0FA29FD4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3A18FDC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kår 31: Ved udskiftning af rør eller ved etablering af nye rør til produkttransport skal disse placeres overjordisk. I særlige tilfælde kan rør anbringes underjordisk efter nærmere aftale med Erhvervsafdelingen.</w:t>
            </w:r>
          </w:p>
          <w:p w14:paraId="7DCD6A22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20D54DAE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kår 32: Ved mistanke om at der er sket eller sker ændringer i en overjordisk tanks volumen, skal pejlemærker for måling af tankindhold kalibreres på ny.</w:t>
            </w:r>
          </w:p>
          <w:p w14:paraId="72A7FE6B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398F2CBE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kår 33: For installationer skal der etableres et effektivt kontrol- og vedligeholdelsesprogram for tankudstyr, herunder pumper, flanger og ventiler. Installationerne skal gennemgås systematisk, minimum hver 3. måned for lækkende udstyr. Konstateres der lækkende udstyr skal afhjælpende foranstaltninger straks igangsættes.</w:t>
            </w:r>
          </w:p>
          <w:p w14:paraId="52343D9F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0BE918D0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skal føres journal over resultaterne af inspektionerne og eventuelle gennemførte afhjælpende foranstaltninger. Journalen skal på forlangende forevises Erhvervsafdelingen.</w:t>
            </w:r>
          </w:p>
          <w:p w14:paraId="584F6FB9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51EC374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kår 34: For løbende at kunne følge overjordiske tankes tilstand, skal der gennemføres regelmæssige inspektioner. For overjordiske tanke over 6000 l må tidsintervallet mellem to inspektioner ikke overstige 5 år. Hvis særlige forhold taler herfor, kan der for enkelte overjordiske tanke fastlægges et længere interval mellem inspektionerne efter aftale med Erhvervsafdelingen.</w:t>
            </w:r>
          </w:p>
          <w:p w14:paraId="0F0A3F70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30A95273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Mindst hvert 10. år skal der udover standardinspektion gennemføres en udvidet inspektion af overjordiske tanke over 6.000 l. Denne inspektion skal som minimum omfatte tankbundsscanninger.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Såfremt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>, der i tankene er områder på bunden, som ikke er tilgængelige for gennemførelse af tankbundsscanning, kan der for disse områder af tankbundene alternativt udføres kontrol ved ultralydsmålinger.</w:t>
            </w:r>
          </w:p>
          <w:p w14:paraId="519A1756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6BBAE35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 nærmere regler og eventuelle ændringer for udførelse af tankinspektioner, herunder inspektionernes omfang, skal aftales med tilsynsmyndigheden.</w:t>
            </w:r>
          </w:p>
          <w:p w14:paraId="12F662DE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48A4D34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skal føres journal over inspektionsresultaterne og foretagne tankreparationer, som på forlangende skal forevises erhvervsafdelingen</w:t>
            </w:r>
          </w:p>
          <w:p w14:paraId="0543E900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C7A1F71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kår 35: Karrene til opsamling af drænet vand fra benzintankene skal tømmes efter hver enkelt vandaftapning. Karrene skal indrettes, så nedbør ikke opsamles.</w:t>
            </w:r>
          </w:p>
          <w:p w14:paraId="5761B0F8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E9D0C4C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lkår 36: De eksisterende afløbssystemer i tankgårdene til afledning af henholdsvis overfladevand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fdræn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and fra tankene, skal indrettes på en sådan måde, at benzin- og olieprodukter i tilfælde af et uheld ved f.eks. overpumpning eller rør- eller tanksprængning ikke kan afledes til det kommunale kloaksystem eller Limfjorden.</w:t>
            </w:r>
          </w:p>
          <w:p w14:paraId="5E1000E6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8AA4383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kår 37: Oplysninger om driftsuheld med betydning for virksomhedens påvirkning af omgivelserne skal straks videregives til Erhvervsafdelingen. Udenfor normal arbejdstid gives oplysningerne til Beredskabscenter Aalborg, og Erhvervsafdelingen orienteres efterfølgende.</w:t>
            </w:r>
          </w:p>
          <w:p w14:paraId="3848A127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2394EF04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7783201" w14:textId="555B1DD9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02" w:name="_Toc54669308"/>
      <w:r w:rsidRPr="00245E8B">
        <w:rPr>
          <w:rFonts w:ascii="Arial" w:hAnsi="Arial" w:cs="Arial"/>
          <w:sz w:val="28"/>
          <w:szCs w:val="28"/>
        </w:rPr>
        <w:lastRenderedPageBreak/>
        <w:t>Råvarer</w:t>
      </w:r>
      <w:bookmarkEnd w:id="102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6AE01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rawmat_types_rawmat_name"/>
            <w:bookmarkEnd w:id="103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A4F6C8D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044AFE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3BDD01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3E49F5A" w14:textId="77777777" w:rsidR="00EC6E6D" w:rsidRPr="00245E8B" w:rsidRDefault="00EC6E6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7F5A72" w14:textId="23A2367C" w:rsidR="00EC6E6D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4" w:name="ind_control_items_control_item_nameX6"/>
            <w:bookmarkEnd w:id="104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BDB3D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5" w:name="ind_control_items_control_item_nameX6_2"/>
            <w:bookmarkEnd w:id="105"/>
          </w:p>
        </w:tc>
      </w:tr>
      <w:tr w:rsidR="00704854" w:rsidRPr="00245E8B" w14:paraId="2BE6F72E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B2E1849" w14:textId="56A574FB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control_items_control_item_nameX6_3"/>
            <w:bookmarkEnd w:id="106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2665C13" w14:textId="7777777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7" w:name="ind_control_items_control_item_nameX6_4"/>
            <w:bookmarkEnd w:id="107"/>
          </w:p>
        </w:tc>
      </w:tr>
      <w:tr w:rsidR="00704854" w:rsidRPr="00245E8B" w14:paraId="372B5D88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ED7A36C" w14:textId="15AFE9E0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8" w:name="ind_control_items_control_item_nameX6_5"/>
            <w:bookmarkEnd w:id="108"/>
            <w:r>
              <w:rPr>
                <w:rFonts w:ascii="Arial" w:hAnsi="Arial" w:cs="Arial"/>
                <w:sz w:val="20"/>
                <w:szCs w:val="20"/>
              </w:rPr>
              <w:t>Råvarer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1A5228E" w14:textId="7777777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9" w:name="ind_control_items_control_item_nameX6_6"/>
            <w:bookmarkEnd w:id="109"/>
          </w:p>
        </w:tc>
      </w:tr>
      <w:tr w:rsidR="00704854" w:rsidRPr="00245E8B" w14:paraId="7FC4DFB7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9028ABB" w14:textId="3EC768B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0" w:name="ind_control_items_control_item_nameX6_7"/>
            <w:bookmarkEnd w:id="110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190EC45" w14:textId="7777777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14F559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1" w:name="wst_fraction_1_fraction_1_nameX2"/>
            <w:bookmarkEnd w:id="111"/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DB08660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81FF67A" w14:textId="77777777"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D3F8BD9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CCDF903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4D6A408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95FACBC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03090A6D" w:rsidR="00EC6E6D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2" w:name="ind_control_items_control_item_nameX7"/>
            <w:bookmarkEnd w:id="112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3" w:name="ind_control_items_control_item_nameX7_2"/>
            <w:bookmarkEnd w:id="113"/>
          </w:p>
        </w:tc>
      </w:tr>
      <w:tr w:rsidR="00704854" w:rsidRPr="00245E8B" w14:paraId="5CDFF32E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2A05FA6" w14:textId="1681027B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4" w:name="ind_control_items_control_item_nameX7_3"/>
            <w:bookmarkEnd w:id="114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D825ABE" w14:textId="7777777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5" w:name="ind_control_items_control_item_nameX7_4"/>
            <w:bookmarkEnd w:id="115"/>
          </w:p>
        </w:tc>
      </w:tr>
      <w:tr w:rsidR="00704854" w:rsidRPr="00245E8B" w14:paraId="6D59CD3E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B06A70B" w14:textId="2923C693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6" w:name="ind_control_items_control_item_nameX7_5"/>
            <w:bookmarkEnd w:id="116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94313C3" w14:textId="7777777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7" w:name="ind_control_items_control_item_nameX7_6"/>
            <w:bookmarkEnd w:id="117"/>
          </w:p>
        </w:tc>
      </w:tr>
      <w:tr w:rsidR="00704854" w:rsidRPr="00245E8B" w14:paraId="3F6F8604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AB1AFD5" w14:textId="34750E30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control_items_control_item_nameX7_7"/>
            <w:bookmarkEnd w:id="118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DB337C6" w14:textId="7777777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control_items_control_item_nameX7_8"/>
            <w:bookmarkEnd w:id="119"/>
          </w:p>
        </w:tc>
      </w:tr>
      <w:tr w:rsidR="00704854" w:rsidRPr="00245E8B" w14:paraId="005F162C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A46965D" w14:textId="5AE23B13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0" w:name="ind_control_items_control_item_nameX7_9"/>
            <w:bookmarkEnd w:id="120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10322E9" w14:textId="7777777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control_items_control_item_nameX7_10"/>
            <w:bookmarkEnd w:id="121"/>
          </w:p>
        </w:tc>
      </w:tr>
      <w:tr w:rsidR="00704854" w:rsidRPr="00245E8B" w14:paraId="3F8A9825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2A9B26" w14:textId="42FB94F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2" w:name="ind_control_items_control_item_nameX7_11"/>
            <w:bookmarkEnd w:id="122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48EA632" w14:textId="7777777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3" w:name="ind_control_items_control_item_nameX7_12"/>
            <w:bookmarkEnd w:id="123"/>
          </w:p>
        </w:tc>
      </w:tr>
      <w:tr w:rsidR="00704854" w:rsidRPr="00245E8B" w14:paraId="72666E0B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C38C780" w14:textId="5E989321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4" w:name="ind_control_items_control_item_nameX7_13"/>
            <w:bookmarkEnd w:id="124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94A4C85" w14:textId="7777777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5" w:name="ind_control_items_control_item_nameX7_14"/>
            <w:bookmarkEnd w:id="125"/>
          </w:p>
        </w:tc>
      </w:tr>
      <w:tr w:rsidR="00704854" w:rsidRPr="00245E8B" w14:paraId="75F01346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8B40BD7" w14:textId="16206C5A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6" w:name="ind_control_items_control_item_nameX7_15"/>
            <w:bookmarkEnd w:id="126"/>
            <w:r>
              <w:rPr>
                <w:rFonts w:ascii="Arial" w:hAnsi="Arial" w:cs="Arial"/>
                <w:sz w:val="20"/>
                <w:szCs w:val="20"/>
              </w:rPr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E372E18" w14:textId="7777777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74E97F5A" w:rsidR="00EC6E6D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7" w:name="ind_control_items_control_item_nameX11"/>
            <w:bookmarkEnd w:id="127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8" w:name="ind_control_items_control_item_nameX11_2"/>
            <w:bookmarkEnd w:id="128"/>
          </w:p>
        </w:tc>
      </w:tr>
      <w:tr w:rsidR="00704854" w:rsidRPr="00245E8B" w14:paraId="23A8F245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FD8AC1B" w14:textId="23630EB2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9" w:name="ind_control_items_control_item_nameX11_3"/>
            <w:bookmarkEnd w:id="129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64F84DD" w14:textId="7777777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0" w:name="ind_control_items_control_item_nameX11_4"/>
            <w:bookmarkEnd w:id="130"/>
          </w:p>
        </w:tc>
      </w:tr>
      <w:tr w:rsidR="00704854" w:rsidRPr="00245E8B" w14:paraId="0071A40A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7C2F114" w14:textId="22AECFBA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1" w:name="ind_control_items_control_item_nameX11_5"/>
            <w:bookmarkEnd w:id="131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D942AC9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2" w:name="ind_control_items_control_item_nameX11_6"/>
            <w:bookmarkEnd w:id="132"/>
            <w:r>
              <w:rPr>
                <w:rFonts w:ascii="Arial" w:hAnsi="Arial" w:cs="Arial"/>
                <w:sz w:val="20"/>
                <w:szCs w:val="20"/>
              </w:rPr>
              <w:t>Egenkontrol:</w:t>
            </w:r>
          </w:p>
          <w:p w14:paraId="6E1A5E3E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D1DE3E7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kår 38: Virksomheden skal føre følgende oplysninger til journal, som på forlangende skal forevises Erhvervsafdelingen.</w:t>
            </w:r>
          </w:p>
          <w:p w14:paraId="02F4E513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35E28672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Årlig gennemløb af benzin og gasolie til distribution, jf. vilkår 1.</w:t>
            </w:r>
          </w:p>
          <w:p w14:paraId="4FEB6D9D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Målinger til kontrol af dampgenvindingsanlægget, jf. vilkår 6.</w:t>
            </w:r>
          </w:p>
          <w:p w14:paraId="3FBA7AC3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Rapporter vedr. eftersyn på dampgenvindingsanlægget, jf. vilkår 13.</w:t>
            </w:r>
          </w:p>
          <w:p w14:paraId="74FE88B7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- Journal vedr. emission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urensed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benzindampe i forbindelse med reparationer og øvrigt vedligehold, jf. vilkår 13.</w:t>
            </w:r>
          </w:p>
          <w:p w14:paraId="3FFEF5A3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Resultat af eftersyn af rør og ledninger i forbindelse med dampgenvindingsanlægget, herunder dampreturudstyr på læsseramperne, jf. vilkår 14.</w:t>
            </w:r>
          </w:p>
          <w:p w14:paraId="4783381E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- Tidspunkt, sted og årsag til evt. udledning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urensed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benzindampe, jf. vilkår 16.</w:t>
            </w:r>
          </w:p>
          <w:p w14:paraId="587C1224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Dokumentation for trykprøvning af jorddækkede rør til produkttransport, jf. vilkår 30.</w:t>
            </w:r>
          </w:p>
          <w:p w14:paraId="26B0116F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resultaterne af inspektion af tankudstyr og eventuelle gennemførte afhjælpende foranstaltninger, jf. vilkår 33.</w:t>
            </w:r>
          </w:p>
          <w:p w14:paraId="3CA77CF5" w14:textId="4B998EB7" w:rsidR="00704854" w:rsidRPr="00245E8B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Resultat af tankinspektioner og foretagne tankreparationer, jf. vilkår 34.</w:t>
            </w:r>
          </w:p>
        </w:tc>
      </w:tr>
      <w:tr w:rsidR="00704854" w:rsidRPr="00245E8B" w14:paraId="026226EB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5B9C1D8" w14:textId="0A7BB6D4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3" w:name="ind_control_items_control_item_nameX11_7"/>
            <w:bookmarkEnd w:id="133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24E56BC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4" w:name="ind_control_items_control_item_nameX11_8"/>
            <w:bookmarkEnd w:id="134"/>
          </w:p>
        </w:tc>
      </w:tr>
      <w:tr w:rsidR="00704854" w:rsidRPr="00245E8B" w14:paraId="021A9FF2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44206A6" w14:textId="5276AE8D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5" w:name="ind_control_items_control_item_nameX11_9"/>
            <w:bookmarkEnd w:id="135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405EB24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04854" w:rsidRPr="00245E8B" w14:paraId="3F86D69D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EE1F7CF" w14:textId="32E429E4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DECC679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04854" w:rsidRPr="00245E8B" w14:paraId="7034557F" w14:textId="77777777" w:rsidTr="0070485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432E3C8" w14:textId="22C0CCB8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F594EE5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04854" w:rsidRPr="00245E8B" w14:paraId="637ADFA8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3597EBC" w14:textId="7BE309A4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6" w:name="ind_control_items_control_item_nameX11_1"/>
            <w:bookmarkEnd w:id="136"/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B5FC0F9" w14:textId="77777777" w:rsidR="00704854" w:rsidRDefault="0070485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720780991">
    <w:abstractNumId w:val="11"/>
  </w:num>
  <w:num w:numId="2" w16cid:durableId="110706246">
    <w:abstractNumId w:val="8"/>
  </w:num>
  <w:num w:numId="3" w16cid:durableId="838614321">
    <w:abstractNumId w:val="10"/>
  </w:num>
  <w:num w:numId="4" w16cid:durableId="53235037">
    <w:abstractNumId w:val="9"/>
  </w:num>
  <w:num w:numId="5" w16cid:durableId="855076294">
    <w:abstractNumId w:val="7"/>
  </w:num>
  <w:num w:numId="6" w16cid:durableId="1350329308">
    <w:abstractNumId w:val="6"/>
  </w:num>
  <w:num w:numId="7" w16cid:durableId="267659013">
    <w:abstractNumId w:val="5"/>
  </w:num>
  <w:num w:numId="8" w16cid:durableId="149449991">
    <w:abstractNumId w:val="4"/>
  </w:num>
  <w:num w:numId="9" w16cid:durableId="347408842">
    <w:abstractNumId w:val="3"/>
  </w:num>
  <w:num w:numId="10" w16cid:durableId="1089354628">
    <w:abstractNumId w:val="2"/>
  </w:num>
  <w:num w:numId="11" w16cid:durableId="898176902">
    <w:abstractNumId w:val="1"/>
  </w:num>
  <w:num w:numId="12" w16cid:durableId="521943466">
    <w:abstractNumId w:val="0"/>
  </w:num>
  <w:num w:numId="13" w16cid:durableId="387269279">
    <w:abstractNumId w:val="10"/>
  </w:num>
  <w:num w:numId="14" w16cid:durableId="328867282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3489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04854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6E9C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2406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087F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3F75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231C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17FC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3489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customXml" Target="../customXml/item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customXml" Target="../customXml/item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Relationship Id="rId14" Type="http://schemas.openxmlformats.org/officeDocument/2006/relationships/customXml" Target="../customXml/item3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2" ma:contentTypeDescription="Opret et nyt dokument." ma:contentTypeScope="" ma:versionID="79ab99a72425668959fd38ffad2c5a34">
  <xsd:schema xmlns:xsd="http://www.w3.org/2001/XMLSchema" xmlns:xs="http://www.w3.org/2001/XMLSchema" xmlns:p="http://schemas.microsoft.com/office/2006/metadata/properties" xmlns:ns2="3e09a412-cb3c-494b-8dcb-765ef1a19895" targetNamespace="http://schemas.microsoft.com/office/2006/metadata/properties" ma:root="true" ma:fieldsID="3d15e9060121839881acf5094927ef9e" ns2:_="">
    <xsd:import namespace="3e09a412-cb3c-494b-8dcb-765ef1a19895"/>
    <xsd:element name="properties">
      <xsd:complexType>
        <xsd:sequence>
          <xsd:element name="documentManagement">
            <xsd:complexType>
              <xsd:all>
                <xsd:element ref="ns2:Bem_x00e6_rkning" minOccurs="0"/>
                <xsd:element ref="ns2:Test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Bem_x00e6_rkning" ma:index="2" nillable="true" ma:displayName="Bemærkning" ma:description="Evt. bemærkninger til dokument" ma:format="Dropdown" ma:internalName="Bem_x00e6_rkning" ma:readOnly="false">
      <xsd:simpleType>
        <xsd:restriction base="dms:Text">
          <xsd:maxLength value="255"/>
        </xsd:restriction>
      </xsd:simpleType>
    </xsd:element>
    <xsd:element name="Test" ma:index="3" nillable="true" ma:displayName="Test" ma:format="Dropdown" ma:internalName="Test" ma:readOnly="false">
      <xsd:simpleType>
        <xsd:restriction base="dms:Choice">
          <xsd:enumeration value="Udkast til rapport"/>
          <xsd:enumeration value="Varslingsbrev"/>
          <xsd:enumeration value="Brev"/>
        </xsd:restriction>
      </xsd:simple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hidden="true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Indholdstype"/>
        <xsd:element ref="dc:title" minOccurs="0" maxOccurs="1" ma:index="1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st xmlns="3e09a412-cb3c-494b-8dcb-765ef1a19895" xsi:nil="true"/>
    <Bem_x00e6_rkning xmlns="3e09a412-cb3c-494b-8dcb-765ef1a19895" xsi:nil="true"/>
  </documentManagement>
</p:properties>
</file>

<file path=customXml/itemProps1.xml><?xml version="1.0" encoding="utf-8"?>
<ds:datastoreItem xmlns:ds="http://schemas.openxmlformats.org/officeDocument/2006/customXml" ds:itemID="{103B853C-0BB3-48C7-BBFC-0A6F9C19F967}"/>
</file>

<file path=customXml/itemProps2.xml><?xml version="1.0" encoding="utf-8"?>
<ds:datastoreItem xmlns:ds="http://schemas.openxmlformats.org/officeDocument/2006/customXml" ds:itemID="{0D401498-6023-401C-BB38-25E2434595DF}"/>
</file>

<file path=customXml/itemProps3.xml><?xml version="1.0" encoding="utf-8"?>
<ds:datastoreItem xmlns:ds="http://schemas.openxmlformats.org/officeDocument/2006/customXml" ds:itemID="{1ED3A666-C924-4FFF-A3F1-249004F705A1}"/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0</TotalTime>
  <Pages>9</Pages>
  <Words>1416</Words>
  <Characters>9995</Characters>
  <Application>Microsoft Office Word</Application>
  <DocSecurity>0</DocSecurity>
  <Lines>624</Lines>
  <Paragraphs>271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111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Magnus Nygaard Butler</cp:lastModifiedBy>
  <cp:revision>2</cp:revision>
  <cp:lastPrinted>2010-03-04T09:12:00Z</cp:lastPrinted>
  <dcterms:created xsi:type="dcterms:W3CDTF">2025-03-10T11:52:00Z</dcterms:created>
  <dcterms:modified xsi:type="dcterms:W3CDTF">2025-03-10T11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3BF9BEAC586DE4F8BF365F17E00181B</vt:lpwstr>
  </property>
</Properties>
</file>